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sec\s0707\02_建設業審査担当\R5 浄化槽\99_その他\01_手引（真木作業中）\04_ホームページアップ用\"/>
    </mc:Choice>
  </mc:AlternateContent>
  <bookViews>
    <workbookView xWindow="120" yWindow="48" windowWidth="20340" windowHeight="7884"/>
  </bookViews>
  <sheets>
    <sheet name="役員照会" sheetId="1" r:id="rId1"/>
  </sheets>
  <calcPr calcId="125725"/>
</workbook>
</file>

<file path=xl/sharedStrings.xml><?xml version="1.0" encoding="utf-8"?>
<sst xmlns="http://schemas.openxmlformats.org/spreadsheetml/2006/main" count="60" uniqueCount="19">
  <si>
    <t>整理番号</t>
    <rPh sb="0" eb="2">
      <t>セイリ</t>
    </rPh>
    <rPh sb="2" eb="4">
      <t>バンゴウ</t>
    </rPh>
    <phoneticPr fontId="4"/>
  </si>
  <si>
    <t>行政庁記入欄</t>
    <rPh sb="0" eb="3">
      <t>ギョウセイチョウ</t>
    </rPh>
    <rPh sb="3" eb="6">
      <t>キニュウラン</t>
    </rPh>
    <phoneticPr fontId="4"/>
  </si>
  <si>
    <t>・申請書に綴じ込まずに提出してください。</t>
    <phoneticPr fontId="4"/>
  </si>
  <si>
    <t>（注）</t>
    <rPh sb="1" eb="2">
      <t>チュウ</t>
    </rPh>
    <phoneticPr fontId="4"/>
  </si>
  <si>
    <t xml:space="preserve"> Ｈ</t>
    <phoneticPr fontId="4"/>
  </si>
  <si>
    <t xml:space="preserve"> Ｓ 　年　　月　　日</t>
    <rPh sb="4" eb="5">
      <t>ネン</t>
    </rPh>
    <rPh sb="7" eb="8">
      <t>ツキ</t>
    </rPh>
    <rPh sb="10" eb="11">
      <t>ヒ</t>
    </rPh>
    <phoneticPr fontId="4"/>
  </si>
  <si>
    <t xml:space="preserve"> Ｔ</t>
    <phoneticPr fontId="4"/>
  </si>
  <si>
    <t>役員等の氏名・性別</t>
    <rPh sb="0" eb="2">
      <t>ヤクイン</t>
    </rPh>
    <rPh sb="2" eb="3">
      <t>トウ</t>
    </rPh>
    <rPh sb="4" eb="6">
      <t>シメイ</t>
    </rPh>
    <rPh sb="7" eb="9">
      <t>セイベツ</t>
    </rPh>
    <phoneticPr fontId="4"/>
  </si>
  <si>
    <t>生　年　月　日</t>
    <rPh sb="0" eb="1">
      <t>ショウ</t>
    </rPh>
    <rPh sb="2" eb="3">
      <t>トシ</t>
    </rPh>
    <rPh sb="4" eb="5">
      <t>ツキ</t>
    </rPh>
    <rPh sb="6" eb="7">
      <t>ヒ</t>
    </rPh>
    <phoneticPr fontId="4"/>
  </si>
  <si>
    <t>フ  リ  ガ  ナ</t>
    <phoneticPr fontId="4"/>
  </si>
  <si>
    <t xml:space="preserve"> 会 社 名</t>
    <rPh sb="1" eb="2">
      <t>カイ</t>
    </rPh>
    <rPh sb="3" eb="4">
      <t>シャ</t>
    </rPh>
    <rPh sb="5" eb="6">
      <t>メイ</t>
    </rPh>
    <phoneticPr fontId="4"/>
  </si>
  <si>
    <t>　　　　　登録番号(新規申請は記入不要）</t>
    <rPh sb="5" eb="7">
      <t>トウロク</t>
    </rPh>
    <rPh sb="7" eb="9">
      <t>バンゴウ</t>
    </rPh>
    <rPh sb="10" eb="12">
      <t>シンキ</t>
    </rPh>
    <rPh sb="12" eb="14">
      <t>シンセイ</t>
    </rPh>
    <rPh sb="15" eb="17">
      <t>キニュウ</t>
    </rPh>
    <rPh sb="17" eb="19">
      <t>フヨウ</t>
    </rPh>
    <phoneticPr fontId="4"/>
  </si>
  <si>
    <t>（フリガナ）</t>
    <phoneticPr fontId="4"/>
  </si>
  <si>
    <t xml:space="preserve"> 申請者が法人の場合は、役員（別記様式第１号(第２条関係)の役名等の欄に記載されている者）、</t>
    <rPh sb="15" eb="17">
      <t>ベッキ</t>
    </rPh>
    <rPh sb="17" eb="19">
      <t>ヨウシキ</t>
    </rPh>
    <rPh sb="19" eb="20">
      <t>ダイ</t>
    </rPh>
    <rPh sb="21" eb="22">
      <t>ゴウ</t>
    </rPh>
    <rPh sb="23" eb="24">
      <t>ダイ</t>
    </rPh>
    <rPh sb="25" eb="26">
      <t>ジョウ</t>
    </rPh>
    <rPh sb="26" eb="28">
      <t>カンケイ</t>
    </rPh>
    <rPh sb="29" eb="30">
      <t>ウケショ</t>
    </rPh>
    <rPh sb="31" eb="32">
      <t>メイ</t>
    </rPh>
    <rPh sb="32" eb="33">
      <t>トウ</t>
    </rPh>
    <rPh sb="34" eb="35">
      <t>ラン</t>
    </rPh>
    <phoneticPr fontId="4"/>
  </si>
  <si>
    <r>
      <t>役 員 等 の 氏 名 記 入 用 紙</t>
    </r>
    <r>
      <rPr>
        <sz val="12"/>
        <rFont val="ＭＳ 明朝"/>
        <family val="1"/>
        <charset val="128"/>
      </rPr>
      <t>（申請書とは別に作成する。）</t>
    </r>
    <rPh sb="4" eb="5">
      <t>ナド</t>
    </rPh>
    <rPh sb="12" eb="13">
      <t>キ</t>
    </rPh>
    <rPh sb="14" eb="15">
      <t>イリ</t>
    </rPh>
    <rPh sb="16" eb="17">
      <t>ヨウ</t>
    </rPh>
    <rPh sb="18" eb="19">
      <t>カミ</t>
    </rPh>
    <rPh sb="20" eb="23">
      <t>シンセイショ</t>
    </rPh>
    <rPh sb="25" eb="26">
      <t>ベツ</t>
    </rPh>
    <rPh sb="27" eb="29">
      <t>サクセイ</t>
    </rPh>
    <phoneticPr fontId="4"/>
  </si>
  <si>
    <t xml:space="preserve">申請年月日   令和　　年　　月　　日 </t>
    <rPh sb="0" eb="2">
      <t>シンセイ</t>
    </rPh>
    <rPh sb="2" eb="5">
      <t>ネンガッピ</t>
    </rPh>
    <rPh sb="8" eb="10">
      <t>レイワ</t>
    </rPh>
    <rPh sb="12" eb="13">
      <t>ネン</t>
    </rPh>
    <rPh sb="15" eb="16">
      <t>ツキ</t>
    </rPh>
    <rPh sb="18" eb="19">
      <t>ヒ</t>
    </rPh>
    <phoneticPr fontId="4"/>
  </si>
  <si>
    <t>個人の場合は、事業主について、全員の氏名（フリガナ）、生年月日を記入してください。</t>
    <phoneticPr fontId="4"/>
  </si>
  <si>
    <t>役員等の氏名</t>
    <rPh sb="0" eb="2">
      <t>ヤクイン</t>
    </rPh>
    <rPh sb="2" eb="3">
      <t>トウ</t>
    </rPh>
    <rPh sb="4" eb="6">
      <t>シメイ</t>
    </rPh>
    <phoneticPr fontId="4"/>
  </si>
  <si>
    <r>
      <t>　　　　　</t>
    </r>
    <r>
      <rPr>
        <u/>
        <sz val="11"/>
        <rFont val="ＭＳ 明朝"/>
        <family val="1"/>
        <charset val="128"/>
      </rPr>
      <t>（登 　　）  第　　　  　　　号　</t>
    </r>
    <rPh sb="6" eb="7">
      <t>ノボ</t>
    </rPh>
    <rPh sb="13" eb="14">
      <t>ダイ</t>
    </rPh>
    <rPh sb="22" eb="23">
      <t>ゴ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u/>
      <sz val="11"/>
      <name val="ＭＳ 明朝"/>
      <family val="1"/>
      <charset val="128"/>
    </font>
    <font>
      <sz val="12"/>
      <name val="ＭＳ Ｐゴシック"/>
      <family val="3"/>
      <charset val="128"/>
    </font>
    <font>
      <sz val="14"/>
      <name val="ＭＳ 明朝"/>
      <family val="1"/>
      <charset val="128"/>
    </font>
    <font>
      <sz val="12"/>
      <name val="ＭＳ 明朝"/>
      <family val="1"/>
      <charset val="128"/>
    </font>
    <font>
      <sz val="11"/>
      <color rgb="FFFF0000"/>
      <name val="ＭＳ Ｐゴシック"/>
      <family val="3"/>
      <charset val="128"/>
    </font>
    <font>
      <sz val="1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ck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43">
    <xf numFmtId="0" fontId="0" fillId="0" borderId="0" xfId="0"/>
    <xf numFmtId="0" fontId="0" fillId="0" borderId="0" xfId="1" applyFont="1">
      <alignment vertical="center"/>
    </xf>
    <xf numFmtId="0" fontId="1" fillId="0" borderId="0" xfId="1" applyFont="1">
      <alignment vertical="center"/>
    </xf>
    <xf numFmtId="0" fontId="3" fillId="0" borderId="0" xfId="1" applyFont="1">
      <alignment vertical="center"/>
    </xf>
    <xf numFmtId="0" fontId="3" fillId="0" borderId="1" xfId="1" applyFont="1" applyBorder="1">
      <alignment vertical="center"/>
    </xf>
    <xf numFmtId="0" fontId="3" fillId="0" borderId="2" xfId="1" applyFont="1" applyBorder="1">
      <alignment vertical="center"/>
    </xf>
    <xf numFmtId="0" fontId="3" fillId="0" borderId="3" xfId="1" applyFont="1" applyBorder="1">
      <alignment vertical="center"/>
    </xf>
    <xf numFmtId="0" fontId="3" fillId="0" borderId="4" xfId="1" applyFont="1" applyBorder="1">
      <alignment vertical="center"/>
    </xf>
    <xf numFmtId="0" fontId="5" fillId="0" borderId="0" xfId="1" applyFont="1">
      <alignment vertical="center"/>
    </xf>
    <xf numFmtId="0" fontId="1" fillId="0" borderId="0" xfId="1" applyFont="1" applyBorder="1">
      <alignment vertical="center"/>
    </xf>
    <xf numFmtId="0" fontId="5" fillId="0" borderId="0" xfId="1" applyFont="1" applyBorder="1">
      <alignment vertical="center"/>
    </xf>
    <xf numFmtId="0" fontId="3" fillId="0" borderId="0" xfId="1" applyFont="1" applyBorder="1" applyAlignment="1">
      <alignment vertical="center"/>
    </xf>
    <xf numFmtId="0" fontId="3" fillId="0" borderId="7" xfId="1" applyFont="1" applyBorder="1" applyAlignment="1">
      <alignment vertical="top"/>
    </xf>
    <xf numFmtId="0" fontId="3" fillId="0" borderId="8" xfId="1" applyFont="1" applyBorder="1" applyAlignment="1">
      <alignment horizontal="right" vertical="center"/>
    </xf>
    <xf numFmtId="0" fontId="3" fillId="0" borderId="2" xfId="1" applyFont="1" applyBorder="1" applyAlignment="1">
      <alignment vertical="top"/>
    </xf>
    <xf numFmtId="0" fontId="3" fillId="0" borderId="7" xfId="1" applyFont="1" applyBorder="1" applyAlignment="1">
      <alignment horizontal="right" vertical="center"/>
    </xf>
    <xf numFmtId="0" fontId="3" fillId="0" borderId="9" xfId="1" applyFont="1" applyBorder="1" applyAlignment="1">
      <alignment vertical="center"/>
    </xf>
    <xf numFmtId="0" fontId="3" fillId="0" borderId="10" xfId="1" applyFont="1" applyBorder="1" applyAlignment="1">
      <alignment horizontal="right" vertical="center"/>
    </xf>
    <xf numFmtId="0" fontId="3" fillId="0" borderId="4" xfId="1" applyFont="1" applyBorder="1" applyAlignment="1">
      <alignment vertical="center"/>
    </xf>
    <xf numFmtId="0" fontId="3" fillId="0" borderId="9" xfId="1" applyFont="1" applyBorder="1" applyAlignment="1">
      <alignment horizontal="right" vertical="center"/>
    </xf>
    <xf numFmtId="0" fontId="3" fillId="0" borderId="11" xfId="1" applyFont="1" applyBorder="1" applyAlignment="1"/>
    <xf numFmtId="0" fontId="3" fillId="0" borderId="12" xfId="1" applyFont="1" applyBorder="1">
      <alignment vertical="center"/>
    </xf>
    <xf numFmtId="0" fontId="3" fillId="0" borderId="6" xfId="1" applyFont="1" applyBorder="1" applyAlignment="1"/>
    <xf numFmtId="0" fontId="3" fillId="0" borderId="13" xfId="1" applyFont="1" applyBorder="1">
      <alignment vertical="center"/>
    </xf>
    <xf numFmtId="0" fontId="3" fillId="0" borderId="14" xfId="1" applyFont="1" applyBorder="1" applyAlignment="1">
      <alignment horizontal="center" vertical="center"/>
    </xf>
    <xf numFmtId="0" fontId="3" fillId="0" borderId="15" xfId="1" applyFont="1" applyBorder="1" applyAlignment="1">
      <alignment horizontal="center" vertical="center"/>
    </xf>
    <xf numFmtId="0" fontId="3" fillId="0" borderId="16" xfId="1" applyFont="1" applyBorder="1" applyAlignment="1">
      <alignment horizontal="center" vertical="center"/>
    </xf>
    <xf numFmtId="0" fontId="3" fillId="0" borderId="11" xfId="1" applyFont="1" applyBorder="1" applyAlignment="1">
      <alignment horizontal="center" vertical="center"/>
    </xf>
    <xf numFmtId="0" fontId="3" fillId="0" borderId="0" xfId="1" applyFont="1" applyAlignment="1"/>
    <xf numFmtId="0" fontId="3" fillId="0" borderId="17" xfId="1" applyFont="1" applyBorder="1">
      <alignment vertical="center"/>
    </xf>
    <xf numFmtId="0" fontId="7" fillId="0" borderId="0" xfId="1" applyFont="1">
      <alignment vertical="center"/>
    </xf>
    <xf numFmtId="0" fontId="10" fillId="0" borderId="0" xfId="0" applyFont="1"/>
    <xf numFmtId="0" fontId="11" fillId="0" borderId="0" xfId="1" applyFont="1">
      <alignment vertical="center"/>
    </xf>
    <xf numFmtId="0" fontId="3" fillId="0" borderId="0" xfId="1" applyFont="1" applyAlignment="1">
      <alignment horizontal="right" vertical="center"/>
    </xf>
    <xf numFmtId="0" fontId="8" fillId="0" borderId="0" xfId="1" applyFont="1" applyAlignment="1">
      <alignment horizontal="center" vertical="center"/>
    </xf>
    <xf numFmtId="0" fontId="3" fillId="0" borderId="6" xfId="1" applyFont="1" applyBorder="1" applyAlignment="1">
      <alignment horizontal="center" vertical="center"/>
    </xf>
    <xf numFmtId="0" fontId="3" fillId="0" borderId="2" xfId="1" applyFont="1" applyBorder="1" applyAlignment="1">
      <alignment horizontal="center" vertical="center"/>
    </xf>
    <xf numFmtId="0" fontId="3" fillId="0" borderId="11" xfId="1" applyFont="1" applyBorder="1" applyAlignment="1">
      <alignment horizontal="center" vertical="center"/>
    </xf>
    <xf numFmtId="0" fontId="3" fillId="0" borderId="7" xfId="1" applyFont="1" applyBorder="1" applyAlignment="1">
      <alignment horizontal="center" vertical="center"/>
    </xf>
    <xf numFmtId="0" fontId="3" fillId="0" borderId="5" xfId="1" applyFont="1" applyBorder="1" applyAlignment="1">
      <alignment horizontal="center" vertical="center"/>
    </xf>
    <xf numFmtId="0" fontId="3" fillId="0" borderId="4" xfId="1" applyFont="1" applyBorder="1" applyAlignment="1">
      <alignment vertical="center"/>
    </xf>
    <xf numFmtId="0" fontId="1" fillId="0" borderId="3" xfId="1" applyFont="1" applyBorder="1" applyAlignment="1">
      <alignment vertical="center"/>
    </xf>
    <xf numFmtId="0" fontId="1" fillId="0" borderId="4" xfId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53"/>
  <sheetViews>
    <sheetView tabSelected="1" zoomScaleNormal="100" workbookViewId="0">
      <selection activeCell="G15" sqref="G15"/>
    </sheetView>
  </sheetViews>
  <sheetFormatPr defaultColWidth="9" defaultRowHeight="13.2"/>
  <cols>
    <col min="1" max="1" width="2.33203125" style="1" customWidth="1"/>
    <col min="2" max="2" width="22.44140625" style="1" customWidth="1"/>
    <col min="3" max="3" width="20.6640625" style="1" customWidth="1"/>
    <col min="4" max="4" width="22.44140625" style="1" customWidth="1"/>
    <col min="5" max="5" width="20.6640625" style="1" customWidth="1"/>
    <col min="6" max="6" width="2.109375" style="1" customWidth="1"/>
    <col min="7" max="16384" width="9" style="1"/>
  </cols>
  <sheetData>
    <row r="1" spans="1:5" s="2" customFormat="1" ht="19.2">
      <c r="A1" s="32"/>
      <c r="E1" s="33"/>
    </row>
    <row r="2" spans="1:5" s="2" customFormat="1" ht="19.2">
      <c r="A2" s="32"/>
    </row>
    <row r="3" spans="1:5" s="2" customFormat="1" ht="14.4">
      <c r="A3" s="30"/>
      <c r="B3" s="31"/>
    </row>
    <row r="4" spans="1:5" s="2" customFormat="1" ht="16.2">
      <c r="A4" s="30"/>
      <c r="B4" s="34" t="s">
        <v>14</v>
      </c>
      <c r="C4" s="34"/>
      <c r="D4" s="34"/>
      <c r="E4" s="34"/>
    </row>
    <row r="5" spans="1:5" s="2" customFormat="1" ht="14.4">
      <c r="A5" s="30"/>
    </row>
    <row r="6" spans="1:5" s="2" customFormat="1" ht="14.4">
      <c r="A6" s="30"/>
      <c r="B6" s="3" t="s">
        <v>13</v>
      </c>
      <c r="C6" s="3"/>
      <c r="D6" s="3"/>
      <c r="E6" s="3"/>
    </row>
    <row r="7" spans="1:5" s="2" customFormat="1" ht="14.4">
      <c r="A7" s="30"/>
      <c r="B7" s="3" t="s">
        <v>16</v>
      </c>
      <c r="C7" s="3"/>
      <c r="D7" s="3"/>
      <c r="E7" s="3"/>
    </row>
    <row r="8" spans="1:5" s="2" customFormat="1" ht="14.4">
      <c r="A8" s="30"/>
      <c r="B8" s="3"/>
      <c r="C8" s="3"/>
      <c r="D8" s="3"/>
      <c r="E8" s="3"/>
    </row>
    <row r="9" spans="1:5" s="2" customFormat="1" ht="14.4">
      <c r="A9" s="30"/>
      <c r="B9" s="3"/>
      <c r="C9" s="3"/>
      <c r="D9" s="3"/>
      <c r="E9" s="3"/>
    </row>
    <row r="10" spans="1:5" s="2" customFormat="1" ht="14.4">
      <c r="A10" s="30"/>
      <c r="B10" s="3"/>
      <c r="C10" s="3"/>
      <c r="D10" s="3"/>
      <c r="E10" s="3"/>
    </row>
    <row r="11" spans="1:5" s="2" customFormat="1">
      <c r="B11" s="3"/>
      <c r="C11" s="3"/>
      <c r="D11" s="3"/>
      <c r="E11" s="3"/>
    </row>
    <row r="12" spans="1:5" s="2" customFormat="1">
      <c r="B12" s="3" t="s">
        <v>12</v>
      </c>
      <c r="C12" s="3"/>
      <c r="D12" s="3" t="s">
        <v>11</v>
      </c>
      <c r="E12" s="3"/>
    </row>
    <row r="13" spans="1:5" s="2" customFormat="1" ht="22.5" customHeight="1">
      <c r="B13" s="29" t="s">
        <v>10</v>
      </c>
      <c r="C13" s="29"/>
      <c r="D13" s="28" t="s">
        <v>18</v>
      </c>
      <c r="E13" s="3"/>
    </row>
    <row r="14" spans="1:5" s="2" customFormat="1">
      <c r="B14" s="3"/>
      <c r="C14" s="3"/>
      <c r="D14" s="3"/>
      <c r="E14" s="3"/>
    </row>
    <row r="15" spans="1:5" s="2" customFormat="1" ht="20.100000000000001" customHeight="1">
      <c r="B15" s="27" t="s">
        <v>9</v>
      </c>
      <c r="C15" s="35" t="s">
        <v>8</v>
      </c>
      <c r="D15" s="26" t="s">
        <v>9</v>
      </c>
      <c r="E15" s="37" t="s">
        <v>8</v>
      </c>
    </row>
    <row r="16" spans="1:5" s="2" customFormat="1" ht="20.100000000000001" customHeight="1">
      <c r="B16" s="25" t="s">
        <v>17</v>
      </c>
      <c r="C16" s="36"/>
      <c r="D16" s="24" t="s">
        <v>7</v>
      </c>
      <c r="E16" s="38"/>
    </row>
    <row r="17" spans="2:5" s="2" customFormat="1" ht="20.100000000000001" customHeight="1">
      <c r="B17" s="23"/>
      <c r="C17" s="22" t="s">
        <v>6</v>
      </c>
      <c r="D17" s="21"/>
      <c r="E17" s="20" t="s">
        <v>6</v>
      </c>
    </row>
    <row r="18" spans="2:5" s="2" customFormat="1" ht="20.100000000000001" customHeight="1">
      <c r="B18" s="19"/>
      <c r="C18" s="18" t="s">
        <v>5</v>
      </c>
      <c r="D18" s="17"/>
      <c r="E18" s="16" t="s">
        <v>5</v>
      </c>
    </row>
    <row r="19" spans="2:5" s="2" customFormat="1" ht="20.100000000000001" customHeight="1">
      <c r="B19" s="15"/>
      <c r="C19" s="14" t="s">
        <v>4</v>
      </c>
      <c r="D19" s="13"/>
      <c r="E19" s="12" t="s">
        <v>4</v>
      </c>
    </row>
    <row r="20" spans="2:5" s="2" customFormat="1" ht="20.100000000000001" customHeight="1">
      <c r="B20" s="23"/>
      <c r="C20" s="22" t="s">
        <v>6</v>
      </c>
      <c r="D20" s="21"/>
      <c r="E20" s="20" t="s">
        <v>6</v>
      </c>
    </row>
    <row r="21" spans="2:5" s="2" customFormat="1" ht="20.100000000000001" customHeight="1">
      <c r="B21" s="19"/>
      <c r="C21" s="18" t="s">
        <v>5</v>
      </c>
      <c r="D21" s="17"/>
      <c r="E21" s="16" t="s">
        <v>5</v>
      </c>
    </row>
    <row r="22" spans="2:5" s="2" customFormat="1" ht="20.100000000000001" customHeight="1">
      <c r="B22" s="15"/>
      <c r="C22" s="14" t="s">
        <v>4</v>
      </c>
      <c r="D22" s="13"/>
      <c r="E22" s="12" t="s">
        <v>4</v>
      </c>
    </row>
    <row r="23" spans="2:5" s="2" customFormat="1" ht="20.100000000000001" customHeight="1">
      <c r="B23" s="23"/>
      <c r="C23" s="22" t="s">
        <v>6</v>
      </c>
      <c r="D23" s="21"/>
      <c r="E23" s="20" t="s">
        <v>6</v>
      </c>
    </row>
    <row r="24" spans="2:5" s="2" customFormat="1" ht="20.100000000000001" customHeight="1">
      <c r="B24" s="19"/>
      <c r="C24" s="18" t="s">
        <v>5</v>
      </c>
      <c r="D24" s="17"/>
      <c r="E24" s="16" t="s">
        <v>5</v>
      </c>
    </row>
    <row r="25" spans="2:5" s="2" customFormat="1" ht="20.100000000000001" customHeight="1">
      <c r="B25" s="15"/>
      <c r="C25" s="14" t="s">
        <v>4</v>
      </c>
      <c r="D25" s="13"/>
      <c r="E25" s="12" t="s">
        <v>4</v>
      </c>
    </row>
    <row r="26" spans="2:5" s="2" customFormat="1" ht="20.100000000000001" customHeight="1">
      <c r="B26" s="23"/>
      <c r="C26" s="22" t="s">
        <v>6</v>
      </c>
      <c r="D26" s="21"/>
      <c r="E26" s="20" t="s">
        <v>6</v>
      </c>
    </row>
    <row r="27" spans="2:5" s="2" customFormat="1" ht="20.100000000000001" customHeight="1">
      <c r="B27" s="19"/>
      <c r="C27" s="18" t="s">
        <v>5</v>
      </c>
      <c r="D27" s="17"/>
      <c r="E27" s="16" t="s">
        <v>5</v>
      </c>
    </row>
    <row r="28" spans="2:5" s="2" customFormat="1" ht="20.100000000000001" customHeight="1">
      <c r="B28" s="15"/>
      <c r="C28" s="14" t="s">
        <v>4</v>
      </c>
      <c r="D28" s="13"/>
      <c r="E28" s="12" t="s">
        <v>4</v>
      </c>
    </row>
    <row r="29" spans="2:5" s="2" customFormat="1" ht="20.100000000000001" customHeight="1">
      <c r="B29" s="23"/>
      <c r="C29" s="22" t="s">
        <v>6</v>
      </c>
      <c r="D29" s="21"/>
      <c r="E29" s="20" t="s">
        <v>6</v>
      </c>
    </row>
    <row r="30" spans="2:5" s="2" customFormat="1" ht="20.100000000000001" customHeight="1">
      <c r="B30" s="19"/>
      <c r="C30" s="18" t="s">
        <v>5</v>
      </c>
      <c r="D30" s="17"/>
      <c r="E30" s="16" t="s">
        <v>5</v>
      </c>
    </row>
    <row r="31" spans="2:5" s="2" customFormat="1" ht="20.100000000000001" customHeight="1">
      <c r="B31" s="15"/>
      <c r="C31" s="14" t="s">
        <v>4</v>
      </c>
      <c r="D31" s="13"/>
      <c r="E31" s="12" t="s">
        <v>4</v>
      </c>
    </row>
    <row r="32" spans="2:5" s="2" customFormat="1" ht="20.100000000000001" customHeight="1">
      <c r="B32" s="23"/>
      <c r="C32" s="22" t="s">
        <v>6</v>
      </c>
      <c r="D32" s="21"/>
      <c r="E32" s="20" t="s">
        <v>6</v>
      </c>
    </row>
    <row r="33" spans="2:6" s="2" customFormat="1" ht="20.100000000000001" customHeight="1">
      <c r="B33" s="19"/>
      <c r="C33" s="18" t="s">
        <v>5</v>
      </c>
      <c r="D33" s="17"/>
      <c r="E33" s="16" t="s">
        <v>5</v>
      </c>
    </row>
    <row r="34" spans="2:6" s="2" customFormat="1" ht="20.100000000000001" customHeight="1">
      <c r="B34" s="15"/>
      <c r="C34" s="14" t="s">
        <v>4</v>
      </c>
      <c r="D34" s="13"/>
      <c r="E34" s="12" t="s">
        <v>4</v>
      </c>
    </row>
    <row r="35" spans="2:6" s="2" customFormat="1" ht="20.100000000000001" customHeight="1">
      <c r="B35" s="23"/>
      <c r="C35" s="22" t="s">
        <v>6</v>
      </c>
      <c r="D35" s="21"/>
      <c r="E35" s="20" t="s">
        <v>6</v>
      </c>
    </row>
    <row r="36" spans="2:6" s="2" customFormat="1" ht="20.100000000000001" customHeight="1">
      <c r="B36" s="19"/>
      <c r="C36" s="18" t="s">
        <v>5</v>
      </c>
      <c r="D36" s="17"/>
      <c r="E36" s="16" t="s">
        <v>5</v>
      </c>
    </row>
    <row r="37" spans="2:6" s="2" customFormat="1" ht="20.100000000000001" customHeight="1">
      <c r="B37" s="15"/>
      <c r="C37" s="14" t="s">
        <v>4</v>
      </c>
      <c r="D37" s="13"/>
      <c r="E37" s="12" t="s">
        <v>4</v>
      </c>
    </row>
    <row r="38" spans="2:6" s="2" customFormat="1">
      <c r="B38" s="3"/>
      <c r="C38" s="3"/>
      <c r="D38" s="3"/>
      <c r="E38" s="3"/>
    </row>
    <row r="39" spans="2:6" s="2" customFormat="1">
      <c r="B39" s="3"/>
      <c r="C39" s="3"/>
      <c r="D39" s="3"/>
      <c r="E39" s="3"/>
    </row>
    <row r="40" spans="2:6" s="2" customFormat="1">
      <c r="B40" s="8" t="s">
        <v>3</v>
      </c>
      <c r="C40" s="3"/>
      <c r="D40" s="11"/>
      <c r="E40" s="11"/>
    </row>
    <row r="41" spans="2:6" s="2" customFormat="1">
      <c r="B41" s="8" t="s">
        <v>2</v>
      </c>
      <c r="C41" s="10"/>
      <c r="D41" s="35" t="s">
        <v>1</v>
      </c>
      <c r="E41" s="39"/>
      <c r="F41" s="9"/>
    </row>
    <row r="42" spans="2:6" s="2" customFormat="1">
      <c r="B42" s="8"/>
      <c r="C42" s="8"/>
      <c r="D42" s="40" t="s">
        <v>15</v>
      </c>
      <c r="E42" s="41"/>
    </row>
    <row r="43" spans="2:6" s="2" customFormat="1">
      <c r="B43" s="8"/>
      <c r="C43" s="8"/>
      <c r="D43" s="42"/>
      <c r="E43" s="41"/>
    </row>
    <row r="44" spans="2:6" s="2" customFormat="1">
      <c r="B44" s="8"/>
      <c r="C44" s="8"/>
      <c r="D44" s="7" t="s">
        <v>0</v>
      </c>
      <c r="E44" s="6"/>
    </row>
    <row r="45" spans="2:6" s="2" customFormat="1">
      <c r="B45" s="3"/>
      <c r="C45" s="3"/>
      <c r="D45" s="5"/>
      <c r="E45" s="4"/>
    </row>
    <row r="46" spans="2:6" s="2" customFormat="1">
      <c r="B46" s="3"/>
      <c r="C46" s="3"/>
      <c r="D46" s="3"/>
      <c r="E46" s="3"/>
    </row>
    <row r="47" spans="2:6" s="2" customFormat="1">
      <c r="B47" s="3"/>
      <c r="C47" s="3"/>
      <c r="D47" s="3"/>
      <c r="E47" s="3"/>
    </row>
    <row r="48" spans="2:6" s="2" customFormat="1"/>
    <row r="49" s="2" customFormat="1"/>
    <row r="50" s="2" customFormat="1"/>
    <row r="51" s="2" customFormat="1"/>
    <row r="52" s="2" customFormat="1"/>
    <row r="53" s="2" customFormat="1"/>
  </sheetData>
  <mergeCells count="5">
    <mergeCell ref="B4:E4"/>
    <mergeCell ref="C15:C16"/>
    <mergeCell ref="E15:E16"/>
    <mergeCell ref="D41:E41"/>
    <mergeCell ref="D42:E43"/>
  </mergeCells>
  <phoneticPr fontId="2"/>
  <pageMargins left="0.62992125984251968" right="0.62992125984251968" top="0.70866141732283472" bottom="0.98425196850393704" header="0.51181102362204722" footer="0.51181102362204722"/>
  <pageSetup paperSize="9" scale="92" orientation="portrait" horizontalDpi="4294967293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役員照会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5-31T04:48:02Z</cp:lastPrinted>
  <dcterms:created xsi:type="dcterms:W3CDTF">2016-01-26T02:35:06Z</dcterms:created>
  <dcterms:modified xsi:type="dcterms:W3CDTF">2023-05-31T04:50:39Z</dcterms:modified>
</cp:coreProperties>
</file>